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426"/>
  <workbookPr filterPrivacy="1"/>
  <xr:revisionPtr revIDLastSave="0" documentId="8_{24C74925-6E3E-44CC-A520-47E4B7FAC65F}" xr6:coauthVersionLast="47" xr6:coauthVersionMax="47" xr10:uidLastSave="{00000000-0000-0000-0000-000000000000}"/>
  <bookViews>
    <workbookView xWindow="240" yWindow="2610" windowWidth="14400" windowHeight="8180" xr2:uid="{00000000-000D-0000-FFFF-FFFF00000000}"/>
  </bookViews>
  <sheets>
    <sheet name="Waarde houderschap staatspapier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41" uniqueCount="41">
  <si>
    <t>Data zoeken - DNB | De Nederlandsche Bank</t>
  </si>
  <si>
    <t>datum: 22/01/2026</t>
  </si>
  <si>
    <t>Kwartaal</t>
  </si>
  <si>
    <t>2024K4</t>
  </si>
  <si>
    <t>Kolom1</t>
  </si>
  <si>
    <t>Kolom2</t>
  </si>
  <si>
    <t>Kolom3</t>
  </si>
  <si>
    <t>Gebied</t>
  </si>
  <si>
    <t>Voor definities is zo veel mogelijk aangesloten bij 'toelichting op datatabel' van Nederlandse beleggingen in wereldwijde effecten</t>
  </si>
  <si>
    <t>2025K1</t>
  </si>
  <si>
    <t>2025K2</t>
  </si>
  <si>
    <t>2025K3</t>
  </si>
  <si>
    <t>Duitsland</t>
  </si>
  <si>
    <t>Frankrijk</t>
  </si>
  <si>
    <t>Verenigde Staten</t>
  </si>
  <si>
    <t>België</t>
  </si>
  <si>
    <t>Oostenrijk</t>
  </si>
  <si>
    <t>Spanje</t>
  </si>
  <si>
    <t>Finland</t>
  </si>
  <si>
    <t>Italië</t>
  </si>
  <si>
    <t>Verenigd Koninkrijk</t>
  </si>
  <si>
    <t>Mexico</t>
  </si>
  <si>
    <t>Ierland</t>
  </si>
  <si>
    <t>Brazilië</t>
  </si>
  <si>
    <t>Indonesië</t>
  </si>
  <si>
    <t>Japan</t>
  </si>
  <si>
    <t>Polen</t>
  </si>
  <si>
    <t>Canada</t>
  </si>
  <si>
    <t>Colombia</t>
  </si>
  <si>
    <t>Maleisië</t>
  </si>
  <si>
    <t>Roemenië</t>
  </si>
  <si>
    <t>India</t>
  </si>
  <si>
    <t>Thailand</t>
  </si>
  <si>
    <t>Hongarije</t>
  </si>
  <si>
    <t>Tsjechië</t>
  </si>
  <si>
    <t>Waarde in miljarden</t>
  </si>
  <si>
    <t>Top 25 van waarde van houderschap van buitenlands staatspapier door Nederlandse instellingen en huishoudens, per einde kwartaal, in EUR miljard marktwaarde</t>
  </si>
  <si>
    <t>EU - internationale organen</t>
  </si>
  <si>
    <t>Met het gebied 'EU - internationale organen' worden instellingen van de EU die schuldpapier uitgeven bedoeld.</t>
  </si>
  <si>
    <t>Zuid-Afrika</t>
  </si>
  <si>
    <t xml:space="preserve">In deze tabel is de waarde van beleggingen in staatspapier aan het einde van het 3e kwartaal van 2025 gebruikt om de top 25 te selecteren en te sorteren.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"/>
  </numFmts>
  <fonts count="6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u/>
      <sz val="11"/>
      <color theme="10"/>
      <name val="Aptos Narrow"/>
      <family val="2"/>
      <scheme val="minor"/>
    </font>
    <font>
      <b/>
      <sz val="11"/>
      <color theme="0"/>
      <name val="Aptos Narrow"/>
      <family val="2"/>
      <scheme val="minor"/>
    </font>
    <font>
      <sz val="8"/>
      <name val="Aptos Narrow"/>
      <family val="2"/>
      <scheme val="minor"/>
    </font>
    <font>
      <b/>
      <sz val="11"/>
      <name val="Aptos Narrow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1"/>
        <bgColor indexed="64"/>
      </patternFill>
    </fill>
  </fills>
  <borders count="1">
    <border>
      <left/>
      <right/>
      <top/>
      <bottom/>
      <diagonal/>
    </border>
  </borders>
  <cellStyleXfs count="2">
    <xf numFmtId="0" fontId="0" fillId="0" borderId="0"/>
    <xf numFmtId="0" fontId="2" fillId="0" borderId="0" applyNumberFormat="0" applyFill="0" applyBorder="0" applyAlignment="0" applyProtection="0"/>
  </cellStyleXfs>
  <cellXfs count="7">
    <xf numFmtId="0" fontId="0" fillId="0" borderId="0" xfId="0"/>
    <xf numFmtId="0" fontId="1" fillId="0" borderId="0" xfId="0" applyFont="1"/>
    <xf numFmtId="164" fontId="0" fillId="0" borderId="0" xfId="0" applyNumberFormat="1"/>
    <xf numFmtId="0" fontId="2" fillId="0" borderId="0" xfId="1"/>
    <xf numFmtId="0" fontId="5" fillId="0" borderId="0" xfId="0" applyFont="1"/>
    <xf numFmtId="0" fontId="0" fillId="0" borderId="0" xfId="0" applyAlignment="1">
      <alignment horizontal="left"/>
    </xf>
    <xf numFmtId="0" fontId="3" fillId="2" borderId="0" xfId="0" applyFont="1" applyFill="1"/>
  </cellXfs>
  <cellStyles count="2">
    <cellStyle name="Hyperlink" xfId="1" builtinId="8"/>
    <cellStyle name="Standaard" xfId="0" builtinId="0"/>
  </cellStyles>
  <dxfs count="2">
    <dxf>
      <numFmt numFmtId="19" formatCode="dd/mm/yyyy"/>
    </dxf>
    <dxf>
      <font>
        <b/>
        <i val="0"/>
        <strike val="0"/>
        <condense val="0"/>
        <extend val="0"/>
        <outline val="0"/>
        <shadow val="0"/>
        <u val="none"/>
        <vertAlign val="baseline"/>
        <sz val="11"/>
        <color theme="1"/>
        <name val="Aptos Narrow"/>
        <family val="2"/>
        <scheme val="minor"/>
      </font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10" Type="http://schemas.openxmlformats.org/officeDocument/2006/relationships/customXml" Target="../customXml/item6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3752317D-6705-4B19-BC63-02AFAFD0355F}" name="Tabel1" displayName="Tabel1" ref="B5:F31" totalsRowShown="0" headerRowDxfId="1">
  <tableColumns count="5">
    <tableColumn id="1" xr3:uid="{9B9EED47-4DA9-4F49-9F98-D642D006DA3B}" name="Waarde in miljarden" dataDxfId="0"/>
    <tableColumn id="2" xr3:uid="{A3CD03C6-F9A7-4614-8677-76273FA5713D}" name="Kwartaal"/>
    <tableColumn id="3" xr3:uid="{DA6E62AF-6552-4684-A5C2-16B5C3099F4E}" name="Kolom1"/>
    <tableColumn id="4" xr3:uid="{CADFD0A2-AE0E-4D38-AF55-284C600B65A4}" name="Kolom2"/>
    <tableColumn id="5" xr3:uid="{23485BFE-F137-48D6-A34B-18544DDE484C}" name="Kolom3"/>
  </tableColumns>
  <tableStyleInfo name="TableStyleLight8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table" Target="../tables/table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www.dnb.nl/statistieken/data-zoeken/" TargetMode="Externa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B2:K37"/>
  <sheetViews>
    <sheetView tabSelected="1" workbookViewId="0">
      <selection activeCell="N27" sqref="N27"/>
    </sheetView>
  </sheetViews>
  <sheetFormatPr defaultRowHeight="14.5" x14ac:dyDescent="0.35"/>
  <cols>
    <col min="2" max="2" width="26.26953125" customWidth="1"/>
    <col min="3" max="3" width="14.26953125" customWidth="1"/>
  </cols>
  <sheetData>
    <row r="2" spans="2:11" x14ac:dyDescent="0.35">
      <c r="B2" s="1" t="s">
        <v>36</v>
      </c>
    </row>
    <row r="3" spans="2:11" x14ac:dyDescent="0.35">
      <c r="K3" t="s">
        <v>1</v>
      </c>
    </row>
    <row r="5" spans="2:11" x14ac:dyDescent="0.35">
      <c r="B5" s="1" t="s">
        <v>35</v>
      </c>
      <c r="C5" s="1" t="s">
        <v>2</v>
      </c>
      <c r="D5" s="4" t="s">
        <v>4</v>
      </c>
      <c r="E5" s="4" t="s">
        <v>5</v>
      </c>
      <c r="F5" s="4" t="s">
        <v>6</v>
      </c>
    </row>
    <row r="6" spans="2:11" x14ac:dyDescent="0.35">
      <c r="B6" s="6" t="s">
        <v>7</v>
      </c>
      <c r="C6" s="6" t="s">
        <v>3</v>
      </c>
      <c r="D6" s="6" t="s">
        <v>9</v>
      </c>
      <c r="E6" s="6" t="s">
        <v>10</v>
      </c>
      <c r="F6" s="6" t="s">
        <v>11</v>
      </c>
    </row>
    <row r="7" spans="2:11" x14ac:dyDescent="0.35">
      <c r="B7" s="5" t="s">
        <v>12</v>
      </c>
      <c r="C7" s="2">
        <v>114.4</v>
      </c>
      <c r="D7" s="2">
        <v>107.9</v>
      </c>
      <c r="E7" s="2">
        <v>118.2</v>
      </c>
      <c r="F7" s="2">
        <v>117.8</v>
      </c>
    </row>
    <row r="8" spans="2:11" x14ac:dyDescent="0.35">
      <c r="B8" s="5" t="s">
        <v>13</v>
      </c>
      <c r="C8" s="2">
        <v>87.8</v>
      </c>
      <c r="D8" s="2">
        <v>86.4</v>
      </c>
      <c r="E8" s="2">
        <v>87.7</v>
      </c>
      <c r="F8" s="2">
        <v>83.5</v>
      </c>
    </row>
    <row r="9" spans="2:11" x14ac:dyDescent="0.35">
      <c r="B9" s="5" t="s">
        <v>14</v>
      </c>
      <c r="C9" s="2">
        <v>61.2</v>
      </c>
      <c r="D9" s="2">
        <v>61</v>
      </c>
      <c r="E9" s="2">
        <v>52.7</v>
      </c>
      <c r="F9" s="2">
        <v>48</v>
      </c>
    </row>
    <row r="10" spans="2:11" x14ac:dyDescent="0.35">
      <c r="B10" s="5" t="s">
        <v>37</v>
      </c>
      <c r="C10" s="2">
        <v>45.2</v>
      </c>
      <c r="D10" s="2">
        <v>44.3</v>
      </c>
      <c r="E10" s="2">
        <v>46.6</v>
      </c>
      <c r="F10" s="2">
        <v>47.8</v>
      </c>
    </row>
    <row r="11" spans="2:11" x14ac:dyDescent="0.35">
      <c r="B11" s="5" t="s">
        <v>15</v>
      </c>
      <c r="C11" s="2">
        <v>29.9</v>
      </c>
      <c r="D11" s="2">
        <v>28.2</v>
      </c>
      <c r="E11" s="2">
        <v>31.2</v>
      </c>
      <c r="F11" s="2">
        <v>32.299999999999997</v>
      </c>
    </row>
    <row r="12" spans="2:11" x14ac:dyDescent="0.35">
      <c r="B12" s="5" t="s">
        <v>16</v>
      </c>
      <c r="C12" s="2">
        <v>27.9</v>
      </c>
      <c r="D12" s="2">
        <v>26.6</v>
      </c>
      <c r="E12" s="2">
        <v>25.8</v>
      </c>
      <c r="F12" s="2">
        <v>26.3</v>
      </c>
    </row>
    <row r="13" spans="2:11" x14ac:dyDescent="0.35">
      <c r="B13" s="5" t="s">
        <v>17</v>
      </c>
      <c r="C13" s="2">
        <v>17.8</v>
      </c>
      <c r="D13" s="2">
        <v>18</v>
      </c>
      <c r="E13" s="2">
        <v>19.7</v>
      </c>
      <c r="F13" s="2">
        <v>22</v>
      </c>
    </row>
    <row r="14" spans="2:11" x14ac:dyDescent="0.35">
      <c r="B14" s="5" t="s">
        <v>18</v>
      </c>
      <c r="C14" s="2">
        <v>14.9</v>
      </c>
      <c r="D14" s="2">
        <v>14.5</v>
      </c>
      <c r="E14" s="2">
        <v>14.9</v>
      </c>
      <c r="F14" s="2">
        <v>13.8</v>
      </c>
    </row>
    <row r="15" spans="2:11" x14ac:dyDescent="0.35">
      <c r="B15" s="5" t="s">
        <v>19</v>
      </c>
      <c r="C15" s="2">
        <v>9</v>
      </c>
      <c r="D15" s="2">
        <v>8.6999999999999993</v>
      </c>
      <c r="E15" s="2">
        <v>10.1</v>
      </c>
      <c r="F15" s="2">
        <v>10.7</v>
      </c>
    </row>
    <row r="16" spans="2:11" x14ac:dyDescent="0.35">
      <c r="B16" s="5" t="s">
        <v>20</v>
      </c>
      <c r="C16" s="2">
        <v>8.6</v>
      </c>
      <c r="D16" s="2">
        <v>8</v>
      </c>
      <c r="E16" s="2">
        <v>7.5</v>
      </c>
      <c r="F16" s="2">
        <v>7.3</v>
      </c>
    </row>
    <row r="17" spans="2:6" x14ac:dyDescent="0.35">
      <c r="B17" s="5" t="s">
        <v>21</v>
      </c>
      <c r="C17" s="2">
        <v>5.9</v>
      </c>
      <c r="D17" s="2">
        <v>6.4</v>
      </c>
      <c r="E17" s="2">
        <v>6.1</v>
      </c>
      <c r="F17" s="2">
        <v>6.6</v>
      </c>
    </row>
    <row r="18" spans="2:6" x14ac:dyDescent="0.35">
      <c r="B18" s="5" t="s">
        <v>22</v>
      </c>
      <c r="C18" s="2">
        <v>6.2</v>
      </c>
      <c r="D18" s="2">
        <v>6.1</v>
      </c>
      <c r="E18" s="2">
        <v>6.3</v>
      </c>
      <c r="F18" s="2">
        <v>6.4</v>
      </c>
    </row>
    <row r="19" spans="2:6" x14ac:dyDescent="0.35">
      <c r="B19" s="5" t="s">
        <v>23</v>
      </c>
      <c r="C19" s="2">
        <v>6</v>
      </c>
      <c r="D19" s="2">
        <v>5.8</v>
      </c>
      <c r="E19" s="2">
        <v>5.7</v>
      </c>
      <c r="F19" s="2">
        <v>5.9</v>
      </c>
    </row>
    <row r="20" spans="2:6" x14ac:dyDescent="0.35">
      <c r="B20" s="5" t="s">
        <v>24</v>
      </c>
      <c r="C20" s="2">
        <v>5.6</v>
      </c>
      <c r="D20" s="2">
        <v>5.5</v>
      </c>
      <c r="E20" s="2">
        <v>5.2</v>
      </c>
      <c r="F20" s="2">
        <v>5.4</v>
      </c>
    </row>
    <row r="21" spans="2:6" x14ac:dyDescent="0.35">
      <c r="B21" s="5" t="s">
        <v>39</v>
      </c>
      <c r="C21" s="2">
        <v>5.9</v>
      </c>
      <c r="D21" s="2">
        <v>5.4</v>
      </c>
      <c r="E21" s="2">
        <v>5.2</v>
      </c>
      <c r="F21" s="2">
        <v>5.3</v>
      </c>
    </row>
    <row r="22" spans="2:6" x14ac:dyDescent="0.35">
      <c r="B22" s="5" t="s">
        <v>25</v>
      </c>
      <c r="C22" s="2">
        <v>6.2</v>
      </c>
      <c r="D22" s="2">
        <v>4.9000000000000004</v>
      </c>
      <c r="E22" s="2">
        <v>4.0999999999999996</v>
      </c>
      <c r="F22" s="2">
        <v>5.3</v>
      </c>
    </row>
    <row r="23" spans="2:6" x14ac:dyDescent="0.35">
      <c r="B23" s="5" t="s">
        <v>26</v>
      </c>
      <c r="C23" s="2">
        <v>5.0999999999999996</v>
      </c>
      <c r="D23" s="2">
        <v>5</v>
      </c>
      <c r="E23" s="2">
        <v>5</v>
      </c>
      <c r="F23" s="2">
        <v>5.0999999999999996</v>
      </c>
    </row>
    <row r="24" spans="2:6" x14ac:dyDescent="0.35">
      <c r="B24" s="5" t="s">
        <v>27</v>
      </c>
      <c r="C24" s="2">
        <v>7.1</v>
      </c>
      <c r="D24" s="2">
        <v>5.0999999999999996</v>
      </c>
      <c r="E24" s="2">
        <v>4.7</v>
      </c>
      <c r="F24" s="2">
        <v>5</v>
      </c>
    </row>
    <row r="25" spans="2:6" x14ac:dyDescent="0.35">
      <c r="B25" s="5" t="s">
        <v>28</v>
      </c>
      <c r="C25" s="2">
        <v>4.3</v>
      </c>
      <c r="D25" s="2">
        <v>4.4000000000000004</v>
      </c>
      <c r="E25" s="2">
        <v>3.9</v>
      </c>
      <c r="F25" s="2">
        <v>4.4000000000000004</v>
      </c>
    </row>
    <row r="26" spans="2:6" x14ac:dyDescent="0.35">
      <c r="B26" s="5" t="s">
        <v>29</v>
      </c>
      <c r="C26" s="2">
        <v>4.4000000000000004</v>
      </c>
      <c r="D26" s="2">
        <v>4.2</v>
      </c>
      <c r="E26" s="2">
        <v>4.0999999999999996</v>
      </c>
      <c r="F26" s="2">
        <v>4.0999999999999996</v>
      </c>
    </row>
    <row r="27" spans="2:6" x14ac:dyDescent="0.35">
      <c r="B27" s="5" t="s">
        <v>30</v>
      </c>
      <c r="C27" s="2">
        <v>4</v>
      </c>
      <c r="D27" s="2">
        <v>4</v>
      </c>
      <c r="E27" s="2">
        <v>3.6</v>
      </c>
      <c r="F27" s="2">
        <v>3.8</v>
      </c>
    </row>
    <row r="28" spans="2:6" x14ac:dyDescent="0.35">
      <c r="B28" s="5" t="s">
        <v>31</v>
      </c>
      <c r="C28" s="2">
        <v>2.2999999999999998</v>
      </c>
      <c r="D28" s="2">
        <v>3.3</v>
      </c>
      <c r="E28" s="2">
        <v>3.5</v>
      </c>
      <c r="F28" s="2">
        <v>3.8</v>
      </c>
    </row>
    <row r="29" spans="2:6" x14ac:dyDescent="0.35">
      <c r="B29" s="5" t="s">
        <v>32</v>
      </c>
      <c r="C29" s="2">
        <v>3.7</v>
      </c>
      <c r="D29" s="2">
        <v>3.8</v>
      </c>
      <c r="E29" s="2">
        <v>3.4</v>
      </c>
      <c r="F29" s="2">
        <v>3.3</v>
      </c>
    </row>
    <row r="30" spans="2:6" x14ac:dyDescent="0.35">
      <c r="B30" s="5" t="s">
        <v>33</v>
      </c>
      <c r="C30" s="2">
        <v>2.9</v>
      </c>
      <c r="D30" s="2">
        <v>2.6</v>
      </c>
      <c r="E30" s="2">
        <v>2.6</v>
      </c>
      <c r="F30" s="2">
        <v>2.6</v>
      </c>
    </row>
    <row r="31" spans="2:6" x14ac:dyDescent="0.35">
      <c r="B31" s="5" t="s">
        <v>34</v>
      </c>
      <c r="C31" s="2">
        <v>3.4</v>
      </c>
      <c r="D31" s="2">
        <v>3</v>
      </c>
      <c r="E31" s="2">
        <v>2.6</v>
      </c>
      <c r="F31" s="2">
        <v>2.5</v>
      </c>
    </row>
    <row r="34" spans="2:2" x14ac:dyDescent="0.35">
      <c r="B34" t="s">
        <v>8</v>
      </c>
    </row>
    <row r="35" spans="2:2" x14ac:dyDescent="0.35">
      <c r="B35" s="3" t="s">
        <v>0</v>
      </c>
    </row>
    <row r="36" spans="2:2" x14ac:dyDescent="0.35">
      <c r="B36" t="s">
        <v>40</v>
      </c>
    </row>
    <row r="37" spans="2:2" x14ac:dyDescent="0.35">
      <c r="B37" t="s">
        <v>38</v>
      </c>
    </row>
  </sheetData>
  <phoneticPr fontId="4" type="noConversion"/>
  <hyperlinks>
    <hyperlink ref="B35" r:id="rId1" location="/details/nederlandse-beleggingen-in-wereldwijde-effecten/dataset/a73a7491-5e95-4901-8931-782579628149/resource/f285e993-be85-4930-b044-869676f67e3b" xr:uid="{F7A76A99-D99F-4410-BA0A-CCF52AC4480A}"/>
  </hyperlinks>
  <pageMargins left="0.7" right="0.7" top="0.75" bottom="0.75" header="0.3" footer="0.3"/>
  <pageSetup orientation="portrait" r:id="rId2"/>
  <headerFooter>
    <oddHeader>&amp;L&amp;"Aptos"&amp;10&amp;K7FAA39 | DNB PUBLIC |&amp;1#_x000D_</oddHeader>
  </headerFooter>
  <tableParts count="1">
    <tablePart r:id="rId3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k7e7cbc4ec219314681e34e0e8a87971 xmlns="d9eb7c7e-3a87-48dc-a7b7-365e1e85ed01">
      <Terms xmlns="http://schemas.microsoft.com/office/infopath/2007/PartnerControls"/>
    </k7e7cbc4ec219314681e34e0e8a87971>
    <od8e6e3d90a0498c44d1c8f50b765f78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Overige Effectentaken</TermName>
          <TermId xmlns="http://schemas.microsoft.com/office/infopath/2007/PartnerControls">0e204330-e520-4823-aae6-24403751bc81</TermId>
        </TermInfo>
      </Terms>
    </od8e6e3d90a0498c44d1c8f50b765f78>
    <DNB_Sjabloon xmlns="d9eb7c7e-3a87-48dc-a7b7-365e1e85ed01" xsi:nil="true"/>
    <DNB_EmAttachCount xmlns="d9eb7c7e-3a87-48dc-a7b7-365e1e85ed01" xsi:nil="true"/>
    <f27c6947f90dbcc26c2855261688dc52 xmlns="d9eb7c7e-3a87-48dc-a7b7-365e1e85ed01">
      <Terms xmlns="http://schemas.microsoft.com/office/infopath/2007/PartnerControls"/>
    </f27c6947f90dbcc26c2855261688dc52>
    <DNB_Distributie xmlns="d9eb7c7e-3a87-48dc-a7b7-365e1e85ed01">false</DNB_Distributie>
    <k69dd57effbc4e8b8226142faed94403 xmlns="d9eb7c7e-3a87-48dc-a7b7-365e1e85ed01">
      <Terms xmlns="http://schemas.microsoft.com/office/infopath/2007/PartnerControls"/>
    </k69dd57effbc4e8b8226142faed94403>
    <IconOverlay xmlns="http://schemas.microsoft.com/sharepoint/v4" xsi:nil="true"/>
    <m2811a07b6c6fd47188d63596ada41d4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Effecten, Duurzaamheid ＆ Betalingsverkeer</TermName>
          <TermId xmlns="http://schemas.microsoft.com/office/infopath/2007/PartnerControls">9b6e7876-74c4-40fe-80da-4b1be504296c</TermId>
        </TermInfo>
      </Terms>
    </m2811a07b6c6fd47188d63596ada41d4>
    <lcf76f155ced4ddcb4097134ff3c332f xmlns="1fc49a62-c8d6-480f-aee4-a12700bbeb02">
      <Terms xmlns="http://schemas.microsoft.com/office/infopath/2007/PartnerControls"/>
    </lcf76f155ced4ddcb4097134ff3c332f>
    <ce43ac4ada01bb4f0f5218f9cc256b90 xmlns="d9eb7c7e-3a87-48dc-a7b7-365e1e85ed01">
      <Terms xmlns="http://schemas.microsoft.com/office/infopath/2007/PartnerControls"/>
    </ce43ac4ada01bb4f0f5218f9cc256b90>
    <ef189d77d5a08c10ca8e23768a023939 xmlns="d9eb7c7e-3a87-48dc-a7b7-365e1e85ed01">
      <Terms xmlns="http://schemas.microsoft.com/office/infopath/2007/PartnerControls"/>
    </ef189d77d5a08c10ca8e23768a023939>
    <DNB_CCOntvanger xmlns="d9eb7c7e-3a87-48dc-a7b7-365e1e85ed01">
      <UserInfo>
        <DisplayName/>
        <AccountId xsi:nil="true"/>
        <AccountType/>
      </UserInfo>
    </DNB_CCOntvanger>
    <DNB_EmAttachmentNames xmlns="d9eb7c7e-3a87-48dc-a7b7-365e1e85ed01" xsi:nil="true"/>
    <DNB_AuteurFix xmlns="d9eb7c7e-3a87-48dc-a7b7-365e1e85ed01">
      <UserInfo>
        <DisplayName/>
        <AccountId xsi:nil="true"/>
        <AccountType/>
      </UserInfo>
    </DNB_AuteurFix>
    <f416c62b8084a6924c1caabc0cb60db6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Statistiek</TermName>
          <TermId xmlns="http://schemas.microsoft.com/office/infopath/2007/PartnerControls">08372b17-7c7a-4a93-a22f-abf489991f02</TermId>
        </TermInfo>
      </Terms>
    </f416c62b8084a6924c1caabc0cb60db6>
    <DNB_Ontvanger xmlns="d9eb7c7e-3a87-48dc-a7b7-365e1e85ed01">
      <UserInfo>
        <DisplayName/>
        <AccountId xsi:nil="true"/>
        <AccountType/>
      </UserInfo>
    </DNB_Ontvanger>
    <DNB_EmTo xmlns="d9eb7c7e-3a87-48dc-a7b7-365e1e85ed01" xsi:nil="true"/>
    <DNB_EmCC xmlns="d9eb7c7e-3a87-48dc-a7b7-365e1e85ed01" xsi:nil="true"/>
    <_vti_ItemDeclaredRecord xmlns="http://schemas.microsoft.com/sharepoint/v3" xsi:nil="true"/>
    <pb215024667aa19db0fece0571538ced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2026</TermName>
          <TermId xmlns="http://schemas.microsoft.com/office/infopath/2007/PartnerControls">2e171c9a-c7a5-45ed-a67a-4bf884151fc5</TermId>
        </TermInfo>
      </Terms>
    </pb215024667aa19db0fece0571538ced>
    <DNB_EmFromName xmlns="d9eb7c7e-3a87-48dc-a7b7-365e1e85ed01" xsi:nil="true"/>
    <DNB_Opmerkingen xmlns="d9eb7c7e-3a87-48dc-a7b7-365e1e85ed01" xsi:nil="true"/>
    <DNB_EmDate xmlns="d9eb7c7e-3a87-48dc-a7b7-365e1e85ed01" xsi:nil="true"/>
    <TaxCatchAll xmlns="d9eb7c7e-3a87-48dc-a7b7-365e1e85ed01">
      <Value>257</Value>
      <Value>1530</Value>
      <Value>1410</Value>
      <Value>2</Value>
      <Value>3</Value>
    </TaxCatchAll>
    <_dlc_DocId xmlns="http://schemas.dnb.nl/sharepoint">T050-583258213-36253</_dlc_DocId>
    <_dlc_DocIdUrl xmlns="http://schemas.dnb.nl/sharepoint">
      <Url>https://dnbnl.sharepoint.com/sites/TK-Statistiek/StatistiekenMacroEconomisch/_layouts/15/DocIdRedir.aspx?ID=T050-583258213-36253</Url>
      <Description>T050-583258213-36253</Description>
    </_dlc_DocIdUrl>
  </documentManagement>
</p:properties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NB Taak Document" ma:contentTypeID="0x0101001A9AF98CE4D646E7BAD5E0A615FBC45700531684C5AA7845B1B8AD3BF3F8A4C4F800D933ED353D20BE429ACEDB684FC5109A" ma:contentTypeVersion="60" ma:contentTypeDescription="DNB Taak Document" ma:contentTypeScope="" ma:versionID="b9439c462b2f89e2eff9fb098a70e226">
  <xsd:schema xmlns:xsd="http://www.w3.org/2001/XMLSchema" xmlns:xs="http://www.w3.org/2001/XMLSchema" xmlns:p="http://schemas.microsoft.com/office/2006/metadata/properties" xmlns:ns1="http://schemas.microsoft.com/sharepoint/v3" xmlns:ns2="d9eb7c7e-3a87-48dc-a7b7-365e1e85ed01" xmlns:ns3="http://schemas.microsoft.com/sharepoint/v4" xmlns:ns4="http://schemas.dnb.nl/sharepoint" xmlns:ns5="a2df28cd-3353-46b2-8dbf-6c0a8f58984f" xmlns:ns6="1fc49a62-c8d6-480f-aee4-a12700bbeb02" targetNamespace="http://schemas.microsoft.com/office/2006/metadata/properties" ma:root="true" ma:fieldsID="68d5ec22ac96680d91ed9898b474c1ad" ns1:_="" ns2:_="" ns3:_="" ns4:_="" ns5:_="" ns6:_="">
    <xsd:import namespace="http://schemas.microsoft.com/sharepoint/v3"/>
    <xsd:import namespace="d9eb7c7e-3a87-48dc-a7b7-365e1e85ed01"/>
    <xsd:import namespace="http://schemas.microsoft.com/sharepoint/v4"/>
    <xsd:import namespace="http://schemas.dnb.nl/sharepoint"/>
    <xsd:import namespace="a2df28cd-3353-46b2-8dbf-6c0a8f58984f"/>
    <xsd:import namespace="1fc49a62-c8d6-480f-aee4-a12700bbeb02"/>
    <xsd:element name="properties">
      <xsd:complexType>
        <xsd:sequence>
          <xsd:element name="documentManagement">
            <xsd:complexType>
              <xsd:all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DNB_Distributie" minOccurs="0"/>
                <xsd:element ref="ns2:k69dd57effbc4e8b8226142faed94403" minOccurs="0"/>
                <xsd:element ref="ns3:IconOverlay" minOccurs="0"/>
                <xsd:element ref="ns2:f416c62b8084a6924c1caabc0cb60db6" minOccurs="0"/>
                <xsd:element ref="ns2:TaxCatchAll" minOccurs="0"/>
                <xsd:element ref="ns2:m2811a07b6c6fd47188d63596ada41d4" minOccurs="0"/>
                <xsd:element ref="ns2:_dlc_DocIdPersistId" minOccurs="0"/>
                <xsd:element ref="ns1:_vti_ItemHoldRecordStatus" minOccurs="0"/>
                <xsd:element ref="ns1:_vti_ItemDeclaredRecord" minOccurs="0"/>
                <xsd:element ref="ns2:od8e6e3d90a0498c44d1c8f50b765f78" minOccurs="0"/>
                <xsd:element ref="ns2:TaxCatchAllLabel" minOccurs="0"/>
                <xsd:element ref="ns2:ce43ac4ada01bb4f0f5218f9cc256b90" minOccurs="0"/>
                <xsd:element ref="ns4:_dlc_DocIdUrl" minOccurs="0"/>
                <xsd:element ref="ns2:f27c6947f90dbcc26c2855261688dc52" minOccurs="0"/>
                <xsd:element ref="ns2:ef189d77d5a08c10ca8e23768a023939" minOccurs="0"/>
                <xsd:element ref="ns4:_dlc_DocId" minOccurs="0"/>
                <xsd:element ref="ns2:pb215024667aa19db0fece0571538ced" minOccurs="0"/>
                <xsd:element ref="ns2:k7e7cbc4ec219314681e34e0e8a87971" minOccurs="0"/>
                <xsd:element ref="ns5:SharedWithUsers" minOccurs="0"/>
                <xsd:element ref="ns5:SharedWithDetails" minOccurs="0"/>
                <xsd:element ref="ns6:MediaServiceObjectDetectorVersions" minOccurs="0"/>
                <xsd:element ref="ns6:MediaServiceSearchProperties" minOccurs="0"/>
                <xsd:element ref="ns6:lcf76f155ced4ddcb4097134ff3c332f" minOccurs="0"/>
                <xsd:element ref="ns6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vti_ItemHoldRecordStatus" ma:index="32" nillable="true" ma:displayName="Hold and Record Status" ma:decimals="0" ma:description="" ma:hidden="true" ma:indexed="true" ma:internalName="_vti_ItemHoldRecordStatus" ma:readOnly="true">
      <xsd:simpleType>
        <xsd:restriction base="dms:Unknown"/>
      </xsd:simpleType>
    </xsd:element>
    <xsd:element name="_vti_ItemDeclaredRecord" ma:index="33" nillable="true" ma:displayName="Declared Record" ma:hidden="true" ma:internalName="_vti_ItemDeclaredRecord" ma:readOnly="fals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eb7c7e-3a87-48dc-a7b7-365e1e85ed01" elementFormDefault="qualified">
    <xsd:import namespace="http://schemas.microsoft.com/office/2006/documentManagement/types"/>
    <xsd:import namespace="http://schemas.microsoft.com/office/infopath/2007/PartnerControls"/>
    <xsd:element name="DNB_AuteurFix" ma:index="11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12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13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14" nillable="true" ma:displayName="Remarks" ma:hidden="true" ma:internalName="DNB_Opmerkingen">
      <xsd:simpleType>
        <xsd:restriction base="dms:Note"/>
      </xsd:simpleType>
    </xsd:element>
    <xsd:element name="DNB_Sjabloon" ma:index="15" nillable="true" ma:displayName="Sjabloon" ma:hidden="true" ma:internalName="DNB_Sjabloon">
      <xsd:simpleType>
        <xsd:restriction base="dms:Text"/>
      </xsd:simpleType>
    </xsd:element>
    <xsd:element name="DNB_EmTo" ma:index="16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7" nillable="true" ma:displayName="E-mail From" ma:hidden="true" ma:internalName="DNB_EmFromName">
      <xsd:simpleType>
        <xsd:restriction base="dms:Text"/>
      </xsd:simpleType>
    </xsd:element>
    <xsd:element name="DNB_EmCC" ma:index="18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9" nillable="true" ma:displayName="E-mail Date" ma:hidden="true" ma:indexed="true" ma:internalName="DNB_EmDate">
      <xsd:simpleType>
        <xsd:restriction base="dms:DateTime"/>
      </xsd:simpleType>
    </xsd:element>
    <xsd:element name="DNB_EmAttachCount" ma:index="20" nillable="true" ma:displayName="E-mail Attachment Count" ma:hidden="true" ma:internalName="DNB_EmAttachCount">
      <xsd:simpleType>
        <xsd:restriction base="dms:Text"/>
      </xsd:simpleType>
    </xsd:element>
    <xsd:element name="DNB_EmAttachmentNames" ma:index="21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22" nillable="true" ma:displayName="Distributie" ma:default="False" ma:internalName="DNB_Distributie">
      <xsd:simpleType>
        <xsd:restriction base="dms:Boolean"/>
      </xsd:simpleType>
    </xsd:element>
    <xsd:element name="k69dd57effbc4e8b8226142faed94403" ma:index="23" nillable="true" ma:taxonomy="true" ma:internalName="k69dd57effbc4e8b8226142faed94403" ma:taxonomyFieldName="BBES_x0020_proces" ma:displayName="BBES proces" ma:readOnly="false" ma:default="" ma:fieldId="{469dd57e-ffbc-4e8b-8226-142faed94403}" ma:taxonomyMulti="true" ma:sspId="b8135cd8-dd77-44d6-bdcc-adbf336672a2" ma:termSetId="8e58460d-9c36-427d-9a6b-bcb2a5103f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416c62b8084a6924c1caabc0cb60db6" ma:index="26" nillable="true" ma:taxonomy="true" ma:internalName="f416c62b8084a6924c1caabc0cb60db6" ma:taxonomyFieldName="DNB_Divisie" ma:displayName="Division" ma:default="2;#Statistiek|08372b17-7c7a-4a93-a22f-abf489991f02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TaxCatchAll" ma:index="27" nillable="true" ma:displayName="Taxonomy Catch All Column" ma:description="" ma:hidden="true" ma:list="{aa2c6a42-adc5-4310-9316-aec41d311428}" ma:internalName="TaxCatchAll" ma:showField="CatchAllData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m2811a07b6c6fd47188d63596ada41d4" ma:index="28" nillable="true" ma:taxonomy="true" ma:internalName="m2811a07b6c6fd47188d63596ada41d4" ma:taxonomyFieldName="DNB_Afdeling" ma:displayName="Department" ma:default="1410;#Effecten, Duurzaamheid ＆ Betalingsverkeer|9b6e7876-74c4-40fe-80da-4b1be504296c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_dlc_DocIdPersistId" ma:index="3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od8e6e3d90a0498c44d1c8f50b765f78" ma:index="34" ma:taxonomy="true" ma:internalName="od8e6e3d90a0498c44d1c8f50b765f78" ma:taxonomyFieldName="DNB_Taaklabel" ma:displayName="DNB Label" ma:default="" ma:fieldId="{8d8e6e3d-90a0-498c-44d1-c8f50b765f78}" ma:sspId="b8135cd8-dd77-44d6-bdcc-adbf336672a2" ma:termSetId="090b21a2-0fe0-4d6c-a6c2-301ed207ecf5" ma:anchorId="ee23b5ea-98ed-47aa-a515-6bc78e9967ec" ma:open="false" ma:isKeyword="false">
      <xsd:complexType>
        <xsd:sequence>
          <xsd:element ref="pc:Terms" minOccurs="0" maxOccurs="1"/>
        </xsd:sequence>
      </xsd:complexType>
    </xsd:element>
    <xsd:element name="TaxCatchAllLabel" ma:index="35" nillable="true" ma:displayName="Taxonomy Catch All Column1" ma:description="" ma:hidden="true" ma:list="{aa2c6a42-adc5-4310-9316-aec41d311428}" ma:internalName="TaxCatchAllLabel" ma:readOnly="true" ma:showField="CatchAllDataLabel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ce43ac4ada01bb4f0f5218f9cc256b90" ma:index="36" nillable="true" ma:taxonomy="true" ma:internalName="ce43ac4ada01bb4f0f5218f9cc256b90" ma:taxonomyFieldName="DNB_Documenttype_2" ma:displayName="Documenttype" ma:default="" ma:fieldId="{ce43ac4a-da01-bb4f-0f52-18f9cc256b90}" ma:sspId="b8135cd8-dd77-44d6-bdcc-adbf336672a2" ma:termSetId="395ce03d-0244-47ca-98a5-087ed0cdc9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27c6947f90dbcc26c2855261688dc52" ma:index="38" nillable="true" ma:taxonomy="true" ma:internalName="f27c6947f90dbcc26c2855261688dc52" ma:taxonomyFieldName="DNB_Kwartaal_2" ma:displayName="Kwartaal" ma:default="" ma:fieldId="{f27c6947-f90d-bcc2-6c28-55261688dc52}" ma:taxonomyMulti="true" ma:sspId="b8135cd8-dd77-44d6-bdcc-adbf336672a2" ma:termSetId="5cf15384-c203-49ab-87f3-76420bbd4310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ef189d77d5a08c10ca8e23768a023939" ma:index="40" nillable="true" ma:taxonomy="true" ma:internalName="ef189d77d5a08c10ca8e23768a023939" ma:taxonomyFieldName="DNB_Maand_2" ma:displayName="Maand" ma:default="" ma:fieldId="{ef189d77-d5a0-8c10-ca8e-23768a023939}" ma:sspId="b8135cd8-dd77-44d6-bdcc-adbf336672a2" ma:termSetId="f6b5b645-2bcf-43c9-aaf0-20226bd2c571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pb215024667aa19db0fece0571538ced" ma:index="42" nillable="true" ma:taxonomy="true" ma:internalName="pb215024667aa19db0fece0571538ced" ma:taxonomyFieldName="DNB_Jaar" ma:displayName="Jaar" ma:default="-1;#2026|2e171c9a-c7a5-45ed-a67a-4bf884151fc5" ma:fieldId="{9b215024-667a-a19d-b0fe-ce0571538ced}" ma:taxonomyMulti="true" ma:sspId="b8135cd8-dd77-44d6-bdcc-adbf336672a2" ma:termSetId="6f132419-79c5-44a3-b449-cfea9414959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k7e7cbc4ec219314681e34e0e8a87971" ma:index="44" nillable="true" ma:taxonomy="true" ma:internalName="k7e7cbc4ec219314681e34e0e8a87971" ma:taxonomyFieldName="DNB_GremiumInstituut_2" ma:displayName="Gremium/Instituut" ma:default="" ma:fieldId="{47e7cbc4-ec21-9314-681e-34e0e8a87971}" ma:taxonomyMulti="true" ma:sspId="b8135cd8-dd77-44d6-bdcc-adbf336672a2" ma:termSetId="a6a96e57-e82a-4911-b04f-c65e1c696e2d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24" nillable="true" ma:displayName="IconOverlay" ma:hidden="true" ma:internalName="IconOverlay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Url" ma:index="37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" ma:index="41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df28cd-3353-46b2-8dbf-6c0a8f58984f" elementFormDefault="qualified">
    <xsd:import namespace="http://schemas.microsoft.com/office/2006/documentManagement/types"/>
    <xsd:import namespace="http://schemas.microsoft.com/office/infopath/2007/PartnerControls"/>
    <xsd:element name="SharedWithUsers" ma:index="4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4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c49a62-c8d6-480f-aee4-a12700bbeb02" elementFormDefault="qualified">
    <xsd:import namespace="http://schemas.microsoft.com/office/2006/documentManagement/types"/>
    <xsd:import namespace="http://schemas.microsoft.com/office/infopath/2007/PartnerControls"/>
    <xsd:element name="MediaServiceObjectDetectorVersions" ma:index="4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4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51" nillable="true" ma:taxonomy="true" ma:internalName="lcf76f155ced4ddcb4097134ff3c332f" ma:taxonomyFieldName="MediaServiceImageTags" ma:displayName="Image Tags" ma:readOnly="false" ma:fieldId="{5cf76f15-5ced-4ddc-b409-7134ff3c332f}" ma:taxonomyMulti="true" ma:sspId="b8135cd8-dd77-44d6-bdcc-adbf336672a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52" nillable="true" ma:displayName="MediaServiceDateTaken" ma:hidden="true" ma:indexed="true" ma:internalName="MediaServiceDateTake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25" ma:displayName="Content Type"/>
        <xsd:element ref="dc:title" minOccurs="0" maxOccurs="1" ma:index="0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FE68BA7-F711-43D3-896F-76694FACB239}">
  <ds:schemaRefs>
    <ds:schemaRef ds:uri="http://schemas.microsoft.com/office/infopath/2007/PartnerControls"/>
    <ds:schemaRef ds:uri="http://schemas.dnb.nl/sharepoint"/>
    <ds:schemaRef ds:uri="http://schemas.openxmlformats.org/package/2006/metadata/core-properties"/>
    <ds:schemaRef ds:uri="1fc49a62-c8d6-480f-aee4-a12700bbeb02"/>
    <ds:schemaRef ds:uri="http://schemas.microsoft.com/office/2006/documentManagement/types"/>
    <ds:schemaRef ds:uri="a2df28cd-3353-46b2-8dbf-6c0a8f58984f"/>
    <ds:schemaRef ds:uri="http://schemas.microsoft.com/sharepoint/v4"/>
    <ds:schemaRef ds:uri="http://schemas.microsoft.com/office/2006/metadata/properties"/>
    <ds:schemaRef ds:uri="d9eb7c7e-3a87-48dc-a7b7-365e1e85ed01"/>
    <ds:schemaRef ds:uri="http://purl.org/dc/dcmitype/"/>
    <ds:schemaRef ds:uri="http://schemas.microsoft.com/sharepoint/v3"/>
    <ds:schemaRef ds:uri="http://www.w3.org/XML/1998/namespace"/>
    <ds:schemaRef ds:uri="http://purl.org/dc/terms/"/>
    <ds:schemaRef ds:uri="http://purl.org/dc/elements/1.1/"/>
  </ds:schemaRefs>
</ds:datastoreItem>
</file>

<file path=customXml/itemProps2.xml><?xml version="1.0" encoding="utf-8"?>
<ds:datastoreItem xmlns:ds="http://schemas.openxmlformats.org/officeDocument/2006/customXml" ds:itemID="{58FDB258-840B-4189-80A1-0F857939EFFB}">
  <ds:schemaRefs/>
</ds:datastoreItem>
</file>

<file path=customXml/itemProps3.xml><?xml version="1.0" encoding="utf-8"?>
<ds:datastoreItem xmlns:ds="http://schemas.openxmlformats.org/officeDocument/2006/customXml" ds:itemID="{46E56178-A09E-4724-8840-5C719A4A3FCD}">
  <ds:schemaRefs/>
</ds:datastoreItem>
</file>

<file path=customXml/itemProps4.xml><?xml version="1.0" encoding="utf-8"?>
<ds:datastoreItem xmlns:ds="http://schemas.openxmlformats.org/officeDocument/2006/customXml" ds:itemID="{CAC5C15F-5113-4A58-9FD7-B9045810686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d9eb7c7e-3a87-48dc-a7b7-365e1e85ed01"/>
    <ds:schemaRef ds:uri="http://schemas.microsoft.com/sharepoint/v4"/>
    <ds:schemaRef ds:uri="http://schemas.dnb.nl/sharepoint"/>
    <ds:schemaRef ds:uri="a2df28cd-3353-46b2-8dbf-6c0a8f58984f"/>
    <ds:schemaRef ds:uri="1fc49a62-c8d6-480f-aee4-a12700bbeb0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080B5A7E-9DEE-4F78-AEC1-21757A0E6D0C}">
  <ds:schemaRefs>
    <ds:schemaRef ds:uri="http://schemas.microsoft.com/sharepoint/events"/>
    <ds:schemaRef ds:uri=""/>
  </ds:schemaRefs>
</ds:datastoreItem>
</file>

<file path=customXml/itemProps6.xml><?xml version="1.0" encoding="utf-8"?>
<ds:datastoreItem xmlns:ds="http://schemas.openxmlformats.org/officeDocument/2006/customXml" ds:itemID="{4E2DACF4-256F-43B7-A4A8-51B2BEF5C990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1ddf9560-f40a-4faa-b693-65e98d55b544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Waarde houderschap staatspapier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4-02T14:06:34Z</dcterms:created>
  <dcterms:modified xsi:type="dcterms:W3CDTF">2026-01-22T16:27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970965601742225776</vt:lpwstr>
  </property>
  <property fmtid="{D5CDD505-2E9C-101B-9397-08002B2CF9AE}" pid="4" name="TemplafyUserProfileId">
    <vt:lpwstr>1130755573537048931</vt:lpwstr>
  </property>
  <property fmtid="{D5CDD505-2E9C-101B-9397-08002B2CF9AE}" pid="5" name="TemplafyFromBlank">
    <vt:bool>true</vt:bool>
  </property>
  <property fmtid="{D5CDD505-2E9C-101B-9397-08002B2CF9AE}" pid="6" name="ContentTypeId">
    <vt:lpwstr>0x0101001A9AF98CE4D646E7BAD5E0A615FBC45700531684C5AA7845B1B8AD3BF3F8A4C4F800D933ED353D20BE429ACEDB684FC5109A</vt:lpwstr>
  </property>
  <property fmtid="{D5CDD505-2E9C-101B-9397-08002B2CF9AE}" pid="7" name="DNB_Taaklabel">
    <vt:lpwstr>257;#Overige Effectentaken|0e204330-e520-4823-aae6-24403751bc81</vt:lpwstr>
  </property>
  <property fmtid="{D5CDD505-2E9C-101B-9397-08002B2CF9AE}" pid="8" name="MediaServiceImageTags">
    <vt:lpwstr/>
  </property>
  <property fmtid="{D5CDD505-2E9C-101B-9397-08002B2CF9AE}" pid="9" name="DNB_Maand_2">
    <vt:lpwstr/>
  </property>
  <property fmtid="{D5CDD505-2E9C-101B-9397-08002B2CF9AE}" pid="10" name="DNB_Kwartaal_2">
    <vt:lpwstr/>
  </property>
  <property fmtid="{D5CDD505-2E9C-101B-9397-08002B2CF9AE}" pid="11" name="BBES_x0020_proces">
    <vt:lpwstr/>
  </property>
  <property fmtid="{D5CDD505-2E9C-101B-9397-08002B2CF9AE}" pid="12" name="DNB_GremiumInstituut_2">
    <vt:lpwstr/>
  </property>
  <property fmtid="{D5CDD505-2E9C-101B-9397-08002B2CF9AE}" pid="13" name="DNB_Jaar">
    <vt:lpwstr>1530;#2026|2e171c9a-c7a5-45ed-a67a-4bf884151fc5</vt:lpwstr>
  </property>
  <property fmtid="{D5CDD505-2E9C-101B-9397-08002B2CF9AE}" pid="14" name="DNB_Status">
    <vt:lpwstr>3;#Lopend|9178452f-7c5d-4617-8a9d-cb6cbffbcbfc</vt:lpwstr>
  </property>
  <property fmtid="{D5CDD505-2E9C-101B-9397-08002B2CF9AE}" pid="15" name="lda0e043566dcacd3d66b94d90c3f946">
    <vt:lpwstr>Lopend|9178452f-7c5d-4617-8a9d-cb6cbffbcbfc</vt:lpwstr>
  </property>
  <property fmtid="{D5CDD505-2E9C-101B-9397-08002B2CF9AE}" pid="16" name="DNB_Divisie">
    <vt:lpwstr>2;#Statistiek|08372b17-7c7a-4a93-a22f-abf489991f02</vt:lpwstr>
  </property>
  <property fmtid="{D5CDD505-2E9C-101B-9397-08002B2CF9AE}" pid="17" name="DNB_Afdeling">
    <vt:lpwstr>1410;#Effecten, Duurzaamheid ＆ Betalingsverkeer|9b6e7876-74c4-40fe-80da-4b1be504296c</vt:lpwstr>
  </property>
  <property fmtid="{D5CDD505-2E9C-101B-9397-08002B2CF9AE}" pid="18" name="DNB_Documenttype_2">
    <vt:lpwstr/>
  </property>
  <property fmtid="{D5CDD505-2E9C-101B-9397-08002B2CF9AE}" pid="19" name="BBES proces">
    <vt:lpwstr/>
  </property>
  <property fmtid="{D5CDD505-2E9C-101B-9397-08002B2CF9AE}" pid="20" name="_dlc_DocIdItemGuid">
    <vt:lpwstr>c387d44e-d834-4528-9efd-a428a5dd08bd</vt:lpwstr>
  </property>
</Properties>
</file>